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FF57BEB" w14:textId="741487F2" w:rsidR="003842C6" w:rsidRPr="002A407A" w:rsidRDefault="0020460C" w:rsidP="009A29C5">
      <w:pPr>
        <w:rPr>
          <w:rFonts w:ascii="DIF" w:hAnsi="DIF"/>
        </w:rPr>
      </w:pPr>
      <w:r>
        <w:rPr>
          <w:rFonts w:ascii="DIF" w:hAnsi="DIF"/>
          <w:noProof/>
        </w:rPr>
        <w:drawing>
          <wp:anchor distT="0" distB="0" distL="114300" distR="114300" simplePos="0" relativeHeight="251660288" behindDoc="1" locked="0" layoutInCell="1" allowOverlap="1" wp14:anchorId="52B04839" wp14:editId="5FCD5097">
            <wp:simplePos x="0" y="0"/>
            <wp:positionH relativeFrom="column">
              <wp:posOffset>-750891</wp:posOffset>
            </wp:positionH>
            <wp:positionV relativeFrom="paragraph">
              <wp:posOffset>-1080135</wp:posOffset>
            </wp:positionV>
            <wp:extent cx="7719238" cy="2572761"/>
            <wp:effectExtent l="0" t="0" r="0" b="0"/>
            <wp:wrapNone/>
            <wp:docPr id="302394480" name="Billed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02394480" name="Billede 302394480"/>
                    <pic:cNvPicPr/>
                  </pic:nvPicPr>
                  <pic:blipFill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7719238" cy="2572761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179FBA12" w14:textId="310330D9" w:rsidR="009A29C5" w:rsidRPr="002A407A" w:rsidRDefault="009A29C5" w:rsidP="009A29C5">
      <w:pPr>
        <w:rPr>
          <w:rFonts w:ascii="DIF" w:hAnsi="DIF"/>
        </w:rPr>
      </w:pPr>
    </w:p>
    <w:p w14:paraId="65B1F3E4" w14:textId="201387AB" w:rsidR="009A29C5" w:rsidRPr="002A407A" w:rsidRDefault="009A29C5" w:rsidP="009A29C5">
      <w:pPr>
        <w:rPr>
          <w:rFonts w:ascii="DIF" w:hAnsi="DIF"/>
        </w:rPr>
      </w:pPr>
    </w:p>
    <w:p w14:paraId="76E66A3C" w14:textId="769CCB84" w:rsidR="009A29C5" w:rsidRPr="002A407A" w:rsidRDefault="009A29C5" w:rsidP="009A29C5">
      <w:pPr>
        <w:rPr>
          <w:rFonts w:ascii="DIF" w:hAnsi="DIF"/>
        </w:rPr>
      </w:pPr>
    </w:p>
    <w:p w14:paraId="00867C08" w14:textId="77777777" w:rsidR="009A29C5" w:rsidRPr="002A407A" w:rsidRDefault="009A29C5" w:rsidP="009A29C5">
      <w:pPr>
        <w:rPr>
          <w:rFonts w:ascii="DIF" w:hAnsi="DIF"/>
        </w:rPr>
      </w:pPr>
    </w:p>
    <w:p w14:paraId="786066D2" w14:textId="77777777" w:rsidR="0020460C" w:rsidRDefault="0020460C" w:rsidP="00CD0497">
      <w:pPr>
        <w:spacing w:line="278" w:lineRule="auto"/>
        <w:ind w:right="-851"/>
        <w:rPr>
          <w:rFonts w:ascii="DIF" w:hAnsi="DIF"/>
        </w:rPr>
      </w:pPr>
    </w:p>
    <w:p w14:paraId="63CBDDCA" w14:textId="70549837" w:rsidR="00EB33FE" w:rsidRPr="008D7B0F" w:rsidRDefault="00EB33FE" w:rsidP="00CD0497">
      <w:pPr>
        <w:spacing w:line="278" w:lineRule="auto"/>
        <w:ind w:right="-851"/>
        <w:rPr>
          <w:rFonts w:ascii="Adelle Sans" w:eastAsia="Aptos" w:hAnsi="Adelle Sans" w:cs="Times New Roman"/>
          <w:sz w:val="24"/>
          <w:szCs w:val="24"/>
        </w:rPr>
      </w:pPr>
      <w:permStart w:id="656363195" w:edGrp="everyone"/>
      <w:r w:rsidRPr="008D7B0F">
        <w:rPr>
          <w:rFonts w:ascii="Adelle Sans" w:eastAsia="Aptos" w:hAnsi="Adelle Sans" w:cs="Times New Roman"/>
          <w:b/>
          <w:bCs/>
          <w:sz w:val="24"/>
          <w:szCs w:val="24"/>
        </w:rPr>
        <w:t xml:space="preserve">Få et kulturpas med 1000 kr. om året til oplevelser og aktiviteter </w:t>
      </w:r>
    </w:p>
    <w:p w14:paraId="6883867C" w14:textId="18CB27AE" w:rsidR="007D3D11" w:rsidRDefault="00EB33FE" w:rsidP="007D3D11">
      <w:pPr>
        <w:spacing w:line="278" w:lineRule="auto"/>
        <w:ind w:right="-851"/>
        <w:rPr>
          <w:rFonts w:ascii="Adelle Sans" w:eastAsia="Aptos" w:hAnsi="Adelle Sans" w:cs="Times New Roman"/>
        </w:rPr>
      </w:pPr>
      <w:r w:rsidRPr="00EB33FE">
        <w:rPr>
          <w:rFonts w:ascii="DIF" w:hAnsi="DIF"/>
          <w:noProof/>
        </w:rPr>
        <mc:AlternateContent>
          <mc:Choice Requires="wps">
            <w:drawing>
              <wp:anchor distT="45720" distB="45720" distL="114300" distR="114300" simplePos="0" relativeHeight="251659264" behindDoc="1" locked="0" layoutInCell="1" allowOverlap="1" wp14:anchorId="0F9A3073" wp14:editId="2B63A6BB">
                <wp:simplePos x="0" y="0"/>
                <wp:positionH relativeFrom="column">
                  <wp:posOffset>2540</wp:posOffset>
                </wp:positionH>
                <wp:positionV relativeFrom="paragraph">
                  <wp:posOffset>1172476</wp:posOffset>
                </wp:positionV>
                <wp:extent cx="5655945" cy="2498090"/>
                <wp:effectExtent l="0" t="0" r="1905" b="0"/>
                <wp:wrapTight wrapText="bothSides">
                  <wp:wrapPolygon edited="0">
                    <wp:start x="0" y="0"/>
                    <wp:lineTo x="0" y="21413"/>
                    <wp:lineTo x="21535" y="21413"/>
                    <wp:lineTo x="21535" y="0"/>
                    <wp:lineTo x="0" y="0"/>
                  </wp:wrapPolygon>
                </wp:wrapTight>
                <wp:docPr id="217" name="Tekstfelt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655945" cy="2498090"/>
                        </a:xfrm>
                        <a:prstGeom prst="rect">
                          <a:avLst/>
                        </a:prstGeom>
                        <a:gradFill flip="none" rotWithShape="1">
                          <a:gsLst>
                            <a:gs pos="0">
                              <a:schemeClr val="accent6">
                                <a:lumMod val="40000"/>
                                <a:lumOff val="60000"/>
                              </a:schemeClr>
                            </a:gs>
                            <a:gs pos="100000">
                              <a:srgbClr val="EB7300"/>
                            </a:gs>
                          </a:gsLst>
                          <a:lin ang="16200000" scaled="1"/>
                          <a:tileRect/>
                        </a:gra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B559373" w14:textId="4B58DD06" w:rsidR="00EB33FE" w:rsidRPr="00EB33FE" w:rsidRDefault="00EB33FE" w:rsidP="00CD0497">
                            <w:pPr>
                              <w:ind w:right="-258"/>
                              <w:rPr>
                                <w:rFonts w:ascii="Adelle Sans" w:hAnsi="Adelle Sans"/>
                                <w:b/>
                                <w:bCs/>
                                <w:sz w:val="28"/>
                                <w:szCs w:val="28"/>
                              </w:rPr>
                            </w:pPr>
                            <w:r w:rsidRPr="00EB33FE">
                              <w:rPr>
                                <w:rFonts w:ascii="Adelle Sans" w:hAnsi="Adelle Sans"/>
                                <w:b/>
                                <w:bCs/>
                                <w:sz w:val="28"/>
                                <w:szCs w:val="28"/>
                              </w:rPr>
                              <w:t>Hvem kan få et kulturpas?</w:t>
                            </w:r>
                          </w:p>
                          <w:p w14:paraId="5FCC46EC" w14:textId="24DFE1EB" w:rsidR="00EB33FE" w:rsidRPr="00EB33FE" w:rsidRDefault="00EB33FE" w:rsidP="00CD0497">
                            <w:p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 w:rsidRPr="00EB33FE">
                              <w:rPr>
                                <w:rFonts w:ascii="Adelle Sans" w:hAnsi="Adelle Sans"/>
                              </w:rPr>
                              <w:t xml:space="preserve">Du kan ansøge om at modtage et kulturpas, hvis du: </w:t>
                            </w:r>
                          </w:p>
                          <w:p w14:paraId="26E3F0B8" w14:textId="1836671D" w:rsidR="00EB33FE" w:rsidRPr="00EB33FE" w:rsidRDefault="00CD0497" w:rsidP="00CD0497">
                            <w:pPr>
                              <w:pStyle w:val="Listeafsnit"/>
                              <w:numPr>
                                <w:ilvl w:val="0"/>
                                <w:numId w:val="1"/>
                              </w:num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>
                              <w:rPr>
                                <w:rFonts w:ascii="Adelle Sans" w:hAnsi="Adelle Sans"/>
                              </w:rPr>
                              <w:t>g</w:t>
                            </w:r>
                            <w:r w:rsidR="00EB33FE" w:rsidRPr="00EB33FE">
                              <w:rPr>
                                <w:rFonts w:ascii="Adelle Sans" w:hAnsi="Adelle Sans"/>
                              </w:rPr>
                              <w:t xml:space="preserve">år på FGU </w:t>
                            </w:r>
                          </w:p>
                          <w:p w14:paraId="25C084EC" w14:textId="586E23E3" w:rsidR="00EB33FE" w:rsidRPr="00EB33FE" w:rsidRDefault="00EB33FE" w:rsidP="00CD0497">
                            <w:p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 w:rsidRPr="00EB33FE">
                              <w:rPr>
                                <w:rFonts w:ascii="Adelle Sans" w:hAnsi="Adelle Sans"/>
                              </w:rPr>
                              <w:t>eller, hvis du:</w:t>
                            </w:r>
                          </w:p>
                          <w:p w14:paraId="4EBC3C78" w14:textId="398C1217" w:rsidR="00EB33FE" w:rsidRPr="00EB33FE" w:rsidRDefault="00CD0497" w:rsidP="00CD0497">
                            <w:pPr>
                              <w:pStyle w:val="Listeafsnit"/>
                              <w:numPr>
                                <w:ilvl w:val="0"/>
                                <w:numId w:val="1"/>
                              </w:num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>
                              <w:rPr>
                                <w:rFonts w:ascii="Adelle Sans" w:hAnsi="Adelle Sans"/>
                              </w:rPr>
                              <w:t>e</w:t>
                            </w:r>
                            <w:r w:rsidR="00EB33FE" w:rsidRPr="00EB33FE">
                              <w:rPr>
                                <w:rFonts w:ascii="Adelle Sans" w:hAnsi="Adelle Sans"/>
                              </w:rPr>
                              <w:t>r mellem 15-24 år</w:t>
                            </w:r>
                          </w:p>
                          <w:p w14:paraId="47F88BAD" w14:textId="60781A40" w:rsidR="00EB33FE" w:rsidRPr="00EB33FE" w:rsidRDefault="00CD0497" w:rsidP="00CD0497">
                            <w:pPr>
                              <w:pStyle w:val="Listeafsnit"/>
                              <w:numPr>
                                <w:ilvl w:val="0"/>
                                <w:numId w:val="1"/>
                              </w:num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>
                              <w:rPr>
                                <w:rFonts w:ascii="Adelle Sans" w:hAnsi="Adelle Sans"/>
                              </w:rPr>
                              <w:t>a</w:t>
                            </w:r>
                            <w:r w:rsidR="00EB33FE" w:rsidRPr="00EB33FE">
                              <w:rPr>
                                <w:rFonts w:ascii="Adelle Sans" w:hAnsi="Adelle Sans"/>
                              </w:rPr>
                              <w:t xml:space="preserve">rbejder mindre end 18 timer om ugen </w:t>
                            </w:r>
                          </w:p>
                          <w:p w14:paraId="0190A712" w14:textId="4C8B9E38" w:rsidR="00EB33FE" w:rsidRPr="00EB33FE" w:rsidRDefault="00EB33FE" w:rsidP="00CD0497">
                            <w:pPr>
                              <w:pStyle w:val="Listeafsnit"/>
                              <w:numPr>
                                <w:ilvl w:val="0"/>
                                <w:numId w:val="1"/>
                              </w:num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 w:rsidRPr="00EB33FE">
                              <w:rPr>
                                <w:rFonts w:ascii="Adelle Sans" w:hAnsi="Adelle Sans"/>
                              </w:rPr>
                              <w:t xml:space="preserve">ikke har færdiggjort, ikke er i gang med eller ikke er optaget på en uddannelse (ungdoms- eller videregående uddannelse) </w:t>
                            </w:r>
                          </w:p>
                          <w:p w14:paraId="16BD5E2F" w14:textId="60E4FA08" w:rsidR="00EB33FE" w:rsidRPr="00EB33FE" w:rsidRDefault="00EB33FE" w:rsidP="00CD0497">
                            <w:pPr>
                              <w:pStyle w:val="Listeafsnit"/>
                              <w:numPr>
                                <w:ilvl w:val="0"/>
                                <w:numId w:val="1"/>
                              </w:num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 w:rsidRPr="00EB33FE">
                              <w:rPr>
                                <w:rFonts w:ascii="Adelle Sans" w:hAnsi="Adelle Sans"/>
                              </w:rPr>
                              <w:t>ikke går i folkeskole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0F9A3073" id="_x0000_t202" coordsize="21600,21600" o:spt="202" path="m,l,21600r21600,l21600,xe">
                <v:stroke joinstyle="miter"/>
                <v:path gradientshapeok="t" o:connecttype="rect"/>
              </v:shapetype>
              <v:shape id="Tekstfelt 2" o:spid="_x0000_s1026" type="#_x0000_t202" style="position:absolute;margin-left:.2pt;margin-top:92.3pt;width:445.35pt;height:196.7pt;z-index:-25165721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" fillcolor="#c5e0b3 [1305]" stroked="f">
                <v:fill color2="#eb7300" rotate="t" angle="180" focus="100%" type="gradient"/>
                <v:textbox>
                  <w:txbxContent>
                    <w:p w14:paraId="4B559373" w14:textId="4B58DD06" w:rsidR="00EB33FE" w:rsidRPr="00EB33FE" w:rsidRDefault="00EB33FE" w:rsidP="00CD0497">
                      <w:pPr>
                        <w:ind w:right="-258"/>
                        <w:rPr>
                          <w:rFonts w:ascii="Adelle Sans" w:hAnsi="Adelle Sans"/>
                          <w:b/>
                          <w:bCs/>
                          <w:sz w:val="28"/>
                          <w:szCs w:val="28"/>
                        </w:rPr>
                      </w:pPr>
                      <w:r w:rsidRPr="00EB33FE">
                        <w:rPr>
                          <w:rFonts w:ascii="Adelle Sans" w:hAnsi="Adelle Sans"/>
                          <w:b/>
                          <w:bCs/>
                          <w:sz w:val="28"/>
                          <w:szCs w:val="28"/>
                        </w:rPr>
                        <w:t>Hvem kan få et kulturpas?</w:t>
                      </w:r>
                    </w:p>
                    <w:p w14:paraId="5FCC46EC" w14:textId="24DFE1EB" w:rsidR="00EB33FE" w:rsidRPr="00EB33FE" w:rsidRDefault="00EB33FE" w:rsidP="00CD0497">
                      <w:pPr>
                        <w:ind w:right="-258"/>
                        <w:rPr>
                          <w:rFonts w:ascii="Adelle Sans" w:hAnsi="Adelle Sans"/>
                        </w:rPr>
                      </w:pPr>
                      <w:r w:rsidRPr="00EB33FE">
                        <w:rPr>
                          <w:rFonts w:ascii="Adelle Sans" w:hAnsi="Adelle Sans"/>
                        </w:rPr>
                        <w:t xml:space="preserve">Du kan ansøge om at modtage et kulturpas, hvis du: </w:t>
                      </w:r>
                    </w:p>
                    <w:p w14:paraId="26E3F0B8" w14:textId="1836671D" w:rsidR="00EB33FE" w:rsidRPr="00EB33FE" w:rsidRDefault="00CD0497" w:rsidP="00CD0497">
                      <w:pPr>
                        <w:pStyle w:val="Listeafsnit"/>
                        <w:numPr>
                          <w:ilvl w:val="0"/>
                          <w:numId w:val="1"/>
                        </w:numPr>
                        <w:ind w:right="-258"/>
                        <w:rPr>
                          <w:rFonts w:ascii="Adelle Sans" w:hAnsi="Adelle Sans"/>
                        </w:rPr>
                      </w:pPr>
                      <w:r>
                        <w:rPr>
                          <w:rFonts w:ascii="Adelle Sans" w:hAnsi="Adelle Sans"/>
                        </w:rPr>
                        <w:t>g</w:t>
                      </w:r>
                      <w:r w:rsidR="00EB33FE" w:rsidRPr="00EB33FE">
                        <w:rPr>
                          <w:rFonts w:ascii="Adelle Sans" w:hAnsi="Adelle Sans"/>
                        </w:rPr>
                        <w:t xml:space="preserve">år på FGU </w:t>
                      </w:r>
                    </w:p>
                    <w:p w14:paraId="25C084EC" w14:textId="586E23E3" w:rsidR="00EB33FE" w:rsidRPr="00EB33FE" w:rsidRDefault="00EB33FE" w:rsidP="00CD0497">
                      <w:pPr>
                        <w:ind w:right="-258"/>
                        <w:rPr>
                          <w:rFonts w:ascii="Adelle Sans" w:hAnsi="Adelle Sans"/>
                        </w:rPr>
                      </w:pPr>
                      <w:r w:rsidRPr="00EB33FE">
                        <w:rPr>
                          <w:rFonts w:ascii="Adelle Sans" w:hAnsi="Adelle Sans"/>
                        </w:rPr>
                        <w:t>eller, hvis du:</w:t>
                      </w:r>
                    </w:p>
                    <w:p w14:paraId="4EBC3C78" w14:textId="398C1217" w:rsidR="00EB33FE" w:rsidRPr="00EB33FE" w:rsidRDefault="00CD0497" w:rsidP="00CD0497">
                      <w:pPr>
                        <w:pStyle w:val="Listeafsnit"/>
                        <w:numPr>
                          <w:ilvl w:val="0"/>
                          <w:numId w:val="1"/>
                        </w:numPr>
                        <w:ind w:right="-258"/>
                        <w:rPr>
                          <w:rFonts w:ascii="Adelle Sans" w:hAnsi="Adelle Sans"/>
                        </w:rPr>
                      </w:pPr>
                      <w:r>
                        <w:rPr>
                          <w:rFonts w:ascii="Adelle Sans" w:hAnsi="Adelle Sans"/>
                        </w:rPr>
                        <w:t>e</w:t>
                      </w:r>
                      <w:r w:rsidR="00EB33FE" w:rsidRPr="00EB33FE">
                        <w:rPr>
                          <w:rFonts w:ascii="Adelle Sans" w:hAnsi="Adelle Sans"/>
                        </w:rPr>
                        <w:t>r mellem 15-24 år</w:t>
                      </w:r>
                    </w:p>
                    <w:p w14:paraId="47F88BAD" w14:textId="60781A40" w:rsidR="00EB33FE" w:rsidRPr="00EB33FE" w:rsidRDefault="00CD0497" w:rsidP="00CD0497">
                      <w:pPr>
                        <w:pStyle w:val="Listeafsnit"/>
                        <w:numPr>
                          <w:ilvl w:val="0"/>
                          <w:numId w:val="1"/>
                        </w:numPr>
                        <w:ind w:right="-258"/>
                        <w:rPr>
                          <w:rFonts w:ascii="Adelle Sans" w:hAnsi="Adelle Sans"/>
                        </w:rPr>
                      </w:pPr>
                      <w:r>
                        <w:rPr>
                          <w:rFonts w:ascii="Adelle Sans" w:hAnsi="Adelle Sans"/>
                        </w:rPr>
                        <w:t>a</w:t>
                      </w:r>
                      <w:r w:rsidR="00EB33FE" w:rsidRPr="00EB33FE">
                        <w:rPr>
                          <w:rFonts w:ascii="Adelle Sans" w:hAnsi="Adelle Sans"/>
                        </w:rPr>
                        <w:t xml:space="preserve">rbejder mindre end 18 timer om ugen </w:t>
                      </w:r>
                    </w:p>
                    <w:p w14:paraId="0190A712" w14:textId="4C8B9E38" w:rsidR="00EB33FE" w:rsidRPr="00EB33FE" w:rsidRDefault="00EB33FE" w:rsidP="00CD0497">
                      <w:pPr>
                        <w:pStyle w:val="Listeafsnit"/>
                        <w:numPr>
                          <w:ilvl w:val="0"/>
                          <w:numId w:val="1"/>
                        </w:numPr>
                        <w:ind w:right="-258"/>
                        <w:rPr>
                          <w:rFonts w:ascii="Adelle Sans" w:hAnsi="Adelle Sans"/>
                        </w:rPr>
                      </w:pPr>
                      <w:r w:rsidRPr="00EB33FE">
                        <w:rPr>
                          <w:rFonts w:ascii="Adelle Sans" w:hAnsi="Adelle Sans"/>
                        </w:rPr>
                        <w:t xml:space="preserve">ikke har færdiggjort, ikke er i gang med eller ikke er optaget på en uddannelse (ungdoms- eller videregående uddannelse) </w:t>
                      </w:r>
                    </w:p>
                    <w:p w14:paraId="16BD5E2F" w14:textId="60E4FA08" w:rsidR="00EB33FE" w:rsidRPr="00EB33FE" w:rsidRDefault="00EB33FE" w:rsidP="00CD0497">
                      <w:pPr>
                        <w:pStyle w:val="Listeafsnit"/>
                        <w:numPr>
                          <w:ilvl w:val="0"/>
                          <w:numId w:val="1"/>
                        </w:numPr>
                        <w:ind w:right="-258"/>
                        <w:rPr>
                          <w:rFonts w:ascii="Adelle Sans" w:hAnsi="Adelle Sans"/>
                        </w:rPr>
                      </w:pPr>
                      <w:r w:rsidRPr="00EB33FE">
                        <w:rPr>
                          <w:rFonts w:ascii="Adelle Sans" w:hAnsi="Adelle Sans"/>
                        </w:rPr>
                        <w:t>ikke går i folkeskole</w:t>
                      </w:r>
                    </w:p>
                  </w:txbxContent>
                </v:textbox>
                <w10:wrap type="tight"/>
              </v:shape>
            </w:pict>
          </mc:Fallback>
        </mc:AlternateContent>
      </w:r>
      <w:r w:rsidRPr="008D7B0F">
        <w:rPr>
          <w:rFonts w:ascii="Adelle Sans" w:eastAsia="Aptos" w:hAnsi="Adelle Sans" w:cs="Times New Roman"/>
        </w:rPr>
        <w:t>Tag til koncert med vennerne, begynd til sport i din lokale idrætsforening, se en ny film i biografen eller prøv kræfter med en kreativ workshop. Med kulturpas får du 1.000 kroner om året i 2025 og 2026, som du kan bruge på mange forskellige aktiviteter inden for kultur, idræt og foreningsliv i hele landet.</w:t>
      </w:r>
      <w:permEnd w:id="656363195"/>
      <w:r w:rsidR="007D3D11">
        <w:rPr>
          <w:rFonts w:ascii="Adelle Sans" w:eastAsia="Aptos" w:hAnsi="Adelle Sans" w:cs="Times New Roman"/>
        </w:rPr>
        <w:t xml:space="preserve"> </w:t>
      </w:r>
    </w:p>
    <w:p w14:paraId="3D62F143" w14:textId="394B55CF" w:rsidR="00EB33FE" w:rsidRPr="008D7B0F" w:rsidRDefault="00EB33FE" w:rsidP="007D3D11">
      <w:pPr>
        <w:spacing w:line="278" w:lineRule="auto"/>
        <w:ind w:right="-851"/>
        <w:rPr>
          <w:rFonts w:ascii="Adelle Sans" w:hAnsi="Adelle Sans"/>
        </w:rPr>
      </w:pPr>
      <w:permStart w:id="1347645275" w:edGrp="everyone"/>
      <w:r w:rsidRPr="008D7B0F">
        <w:rPr>
          <w:rFonts w:ascii="Adelle Sans" w:hAnsi="Adelle Sans"/>
          <w:b/>
          <w:bCs/>
          <w:sz w:val="24"/>
          <w:szCs w:val="24"/>
        </w:rPr>
        <w:t>Ansøg om et kulturpas</w:t>
      </w:r>
      <w:r w:rsidRPr="008D7B0F">
        <w:rPr>
          <w:rFonts w:ascii="Adelle Sans" w:hAnsi="Adelle Sans"/>
        </w:rPr>
        <w:br/>
        <w:t xml:space="preserve">Gå ind på </w:t>
      </w:r>
      <w:hyperlink r:id="rId13" w:history="1">
        <w:r w:rsidRPr="008D7B0F">
          <w:rPr>
            <w:rStyle w:val="Hyperlink"/>
            <w:rFonts w:ascii="Adelle Sans" w:hAnsi="Adelle Sans"/>
          </w:rPr>
          <w:t>www.kulturpasinfo.dk</w:t>
        </w:r>
      </w:hyperlink>
      <w:r w:rsidRPr="008D7B0F">
        <w:rPr>
          <w:rFonts w:ascii="Adelle Sans" w:hAnsi="Adelle Sans"/>
        </w:rPr>
        <w:t xml:space="preserve"> - her kan du finde en nem guide til, hvordan du søger. </w:t>
      </w:r>
      <w:r w:rsidR="00CD0497">
        <w:rPr>
          <w:rFonts w:ascii="Adelle Sans" w:hAnsi="Adelle Sans"/>
        </w:rPr>
        <w:br/>
      </w:r>
      <w:r w:rsidRPr="008D7B0F">
        <w:rPr>
          <w:rFonts w:ascii="Adelle Sans" w:hAnsi="Adelle Sans"/>
        </w:rPr>
        <w:t>Jo før du søger, jo hurtigere kan du komme ud og få nye oplevelser.</w:t>
      </w:r>
    </w:p>
    <w:p w14:paraId="65FBF244" w14:textId="7532095F" w:rsidR="0020460C" w:rsidRDefault="00EB33FE" w:rsidP="00CD0497">
      <w:pPr>
        <w:ind w:right="-851"/>
        <w:rPr>
          <w:rFonts w:ascii="Adelle Sans" w:hAnsi="Adelle Sans"/>
          <w:b/>
          <w:bCs/>
        </w:rPr>
      </w:pPr>
      <w:r>
        <w:rPr>
          <w:rFonts w:ascii="Adelle Sans" w:hAnsi="Adelle Sans"/>
          <w:b/>
          <w:bCs/>
          <w:sz w:val="24"/>
          <w:szCs w:val="24"/>
        </w:rPr>
        <w:br/>
      </w:r>
      <w:r w:rsidRPr="008D7B0F">
        <w:rPr>
          <w:rFonts w:ascii="Adelle Sans" w:hAnsi="Adelle Sans"/>
          <w:b/>
          <w:bCs/>
          <w:sz w:val="24"/>
          <w:szCs w:val="24"/>
        </w:rPr>
        <w:t xml:space="preserve">Har du brug for hjælp? </w:t>
      </w:r>
      <w:r w:rsidRPr="008D7B0F">
        <w:rPr>
          <w:rFonts w:ascii="Adelle Sans" w:hAnsi="Adelle Sans"/>
        </w:rPr>
        <w:br/>
        <w:t xml:space="preserve">Tag fat i en underviser (FGU), din uddannelsesvejleder eller en anden kontaktperson - </w:t>
      </w:r>
      <w:r w:rsidR="00CD0497">
        <w:rPr>
          <w:rFonts w:ascii="Adelle Sans" w:hAnsi="Adelle Sans"/>
        </w:rPr>
        <w:br/>
      </w:r>
      <w:r w:rsidRPr="008D7B0F">
        <w:rPr>
          <w:rFonts w:ascii="Adelle Sans" w:hAnsi="Adelle Sans"/>
        </w:rPr>
        <w:t xml:space="preserve">så kan de hjælpe dig med at ansøge. Du kan finde mere information og svar på </w:t>
      </w:r>
      <w:hyperlink r:id="rId14" w:history="1">
        <w:r w:rsidRPr="008D7B0F">
          <w:rPr>
            <w:rStyle w:val="Hyperlink"/>
            <w:rFonts w:ascii="Adelle Sans" w:hAnsi="Adelle Sans"/>
          </w:rPr>
          <w:t>kulturpasinfo.dk.</w:t>
        </w:r>
      </w:hyperlink>
      <w:r>
        <w:rPr>
          <w:rFonts w:ascii="Adelle Sans" w:hAnsi="Adelle Sans"/>
          <w:b/>
          <w:bCs/>
        </w:rPr>
        <w:br/>
      </w:r>
    </w:p>
    <w:p w14:paraId="21644140" w14:textId="1E84C165" w:rsidR="00EB33FE" w:rsidRPr="00AD1EBA" w:rsidRDefault="00EB33FE" w:rsidP="00CD0497">
      <w:pPr>
        <w:ind w:right="-851"/>
        <w:rPr>
          <w:rFonts w:ascii="Adelle Sans" w:hAnsi="Adelle Sans"/>
        </w:rPr>
      </w:pPr>
      <w:r w:rsidRPr="008D7B0F">
        <w:rPr>
          <w:rFonts w:ascii="Adelle Sans" w:hAnsi="Adelle Sans"/>
          <w:b/>
          <w:bCs/>
        </w:rPr>
        <w:t>Med venlig hilsen</w:t>
      </w:r>
      <w:r w:rsidRPr="008D7B0F">
        <w:rPr>
          <w:rFonts w:ascii="Adelle Sans" w:hAnsi="Adelle Sans"/>
        </w:rPr>
        <w:t xml:space="preserve"> </w:t>
      </w:r>
      <w:r w:rsidRPr="008D7B0F">
        <w:rPr>
          <w:rFonts w:ascii="Adelle Sans" w:hAnsi="Adelle Sans"/>
        </w:rPr>
        <w:br/>
      </w:r>
      <w:r w:rsidRPr="008D7B0F">
        <w:rPr>
          <w:rFonts w:ascii="Adelle Sans" w:hAnsi="Adelle Sans"/>
          <w:i/>
          <w:iCs/>
        </w:rPr>
        <w:t>Afsender kommun</w:t>
      </w:r>
      <w:r>
        <w:rPr>
          <w:rFonts w:ascii="Adelle Sans" w:hAnsi="Adelle Sans"/>
          <w:i/>
          <w:iCs/>
        </w:rPr>
        <w:t>e</w:t>
      </w:r>
      <w:permEnd w:id="1347645275"/>
    </w:p>
    <w:sectPr w:rsidR="00EB33FE" w:rsidRPr="00AD1EBA" w:rsidSect="009950A6">
      <w:pgSz w:w="11906" w:h="16838"/>
      <w:pgMar w:top="1701" w:right="2125" w:bottom="851" w:left="1134" w:header="708" w:footer="121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F7307DE" w14:textId="77777777" w:rsidR="004B023F" w:rsidRDefault="004B023F" w:rsidP="004457D1">
      <w:pPr>
        <w:spacing w:after="0" w:line="240" w:lineRule="auto"/>
      </w:pPr>
      <w:r>
        <w:separator/>
      </w:r>
    </w:p>
  </w:endnote>
  <w:endnote w:type="continuationSeparator" w:id="0">
    <w:p w14:paraId="58C77DFB" w14:textId="77777777" w:rsidR="004B023F" w:rsidRDefault="004B023F" w:rsidP="004457D1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DIF">
    <w:panose1 w:val="00000000000000000000"/>
    <w:charset w:val="00"/>
    <w:family w:val="auto"/>
    <w:pitch w:val="variable"/>
    <w:sig w:usb0="80000027" w:usb1="00000062" w:usb2="00000000" w:usb3="00000000" w:csb0="00000011" w:csb1="00000000"/>
  </w:font>
  <w:font w:name="Adelle Sans">
    <w:panose1 w:val="02000503000000020004"/>
    <w:charset w:val="00"/>
    <w:family w:val="modern"/>
    <w:notTrueType/>
    <w:pitch w:val="variable"/>
    <w:sig w:usb0="80000087" w:usb1="0000004B" w:usb2="00000000" w:usb3="00000000" w:csb0="00000093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35C37E4" w14:textId="77777777" w:rsidR="004B023F" w:rsidRDefault="004B023F" w:rsidP="004457D1">
      <w:pPr>
        <w:spacing w:after="0" w:line="240" w:lineRule="auto"/>
      </w:pPr>
      <w:r>
        <w:separator/>
      </w:r>
    </w:p>
  </w:footnote>
  <w:footnote w:type="continuationSeparator" w:id="0">
    <w:p w14:paraId="05961A28" w14:textId="77777777" w:rsidR="004B023F" w:rsidRDefault="004B023F" w:rsidP="004457D1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6BD52200"/>
    <w:multiLevelType w:val="hybridMultilevel"/>
    <w:tmpl w:val="25128CDA"/>
    <w:lvl w:ilvl="0" w:tplc="04060001">
      <w:start w:val="1"/>
      <w:numFmt w:val="bullet"/>
      <w:lvlText w:val=""/>
      <w:lvlJc w:val="left"/>
      <w:pPr>
        <w:ind w:left="77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9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21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93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5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7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9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81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530" w:hanging="360"/>
      </w:pPr>
      <w:rPr>
        <w:rFonts w:ascii="Wingdings" w:hAnsi="Wingdings" w:hint="default"/>
      </w:rPr>
    </w:lvl>
  </w:abstractNum>
  <w:num w:numId="1" w16cid:durableId="986278037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ocumentProtection w:edit="readOnly" w:enforcement="1" w:cryptProviderType="rsaAES" w:cryptAlgorithmClass="hash" w:cryptAlgorithmType="typeAny" w:cryptAlgorithmSid="14" w:cryptSpinCount="100000" w:hash="15wjYG4jGadh9BY6weQpevjg8Pi352qCTEYeo2jMJMy0BF1sSr5rz6Ov96arfTmg8zq/T4N5rC9Gepl5YWBtyw==" w:salt="+R9dJdeIVYwalKW7g1yqNw==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B33FE"/>
    <w:rsid w:val="00105077"/>
    <w:rsid w:val="00136454"/>
    <w:rsid w:val="001D1854"/>
    <w:rsid w:val="0020460C"/>
    <w:rsid w:val="00260D16"/>
    <w:rsid w:val="002A407A"/>
    <w:rsid w:val="002A6FC4"/>
    <w:rsid w:val="002D3EC4"/>
    <w:rsid w:val="003842C6"/>
    <w:rsid w:val="00390A1E"/>
    <w:rsid w:val="004457D1"/>
    <w:rsid w:val="004A169F"/>
    <w:rsid w:val="004B023F"/>
    <w:rsid w:val="004F3580"/>
    <w:rsid w:val="00505107"/>
    <w:rsid w:val="005D501C"/>
    <w:rsid w:val="005E79D7"/>
    <w:rsid w:val="006001B4"/>
    <w:rsid w:val="00735EB3"/>
    <w:rsid w:val="00785AE6"/>
    <w:rsid w:val="007D3D11"/>
    <w:rsid w:val="00935679"/>
    <w:rsid w:val="009950A6"/>
    <w:rsid w:val="009A29C5"/>
    <w:rsid w:val="00A8740D"/>
    <w:rsid w:val="00AD1EBA"/>
    <w:rsid w:val="00B53884"/>
    <w:rsid w:val="00C03A4C"/>
    <w:rsid w:val="00CC3541"/>
    <w:rsid w:val="00CD0497"/>
    <w:rsid w:val="00CD72B3"/>
    <w:rsid w:val="00EB33FE"/>
    <w:rsid w:val="00ED019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E0F0FE0"/>
  <w15:chartTrackingRefBased/>
  <w15:docId w15:val="{68D626DC-C6EE-4CED-B92A-57E95506540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da-DK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33FE"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4457D1"/>
  </w:style>
  <w:style w:type="paragraph" w:styleId="Sidefod">
    <w:name w:val="footer"/>
    <w:basedOn w:val="Normal"/>
    <w:link w:val="Sidefo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4457D1"/>
  </w:style>
  <w:style w:type="character" w:styleId="Hyperlink">
    <w:name w:val="Hyperlink"/>
    <w:basedOn w:val="Standardskrifttypeiafsnit"/>
    <w:uiPriority w:val="99"/>
    <w:unhideWhenUsed/>
    <w:rsid w:val="00EB33FE"/>
    <w:rPr>
      <w:color w:val="0563C1" w:themeColor="hyperlink"/>
      <w:u w:val="single"/>
    </w:rPr>
  </w:style>
  <w:style w:type="paragraph" w:styleId="Listeafsnit">
    <w:name w:val="List Paragraph"/>
    <w:basedOn w:val="Normal"/>
    <w:uiPriority w:val="34"/>
    <w:qFormat/>
    <w:rsid w:val="00EB33FE"/>
    <w:pPr>
      <w:ind w:left="720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20460C"/>
    <w:rPr>
      <w:color w:val="66666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http://www.kulturpasinfo.dk" TargetMode="Externa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image" Target="media/image1.png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https://www.kulturpasinfo.dk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athalieTj&#248;rnelund\AppData\Local\Temp\Templafy\WordVsto\edquw0dz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DIF_blank_ny_2025 (1)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9A3EC61047EE841AFB22466B3976B5B" ma:contentTypeVersion="12" ma:contentTypeDescription="Create a new document." ma:contentTypeScope="" ma:versionID="cb8896582ddf1f5c42e41172d77f49bc">
  <xsd:schema xmlns:xsd="http://www.w3.org/2001/XMLSchema" xmlns:xs="http://www.w3.org/2001/XMLSchema" xmlns:p="http://schemas.microsoft.com/office/2006/metadata/properties" xmlns:ns2="811835bf-f9da-426f-9049-c4f44a9984ac" xmlns:ns3="9a19914c-4a3c-4acb-9b48-de7d8d05d8a2" targetNamespace="http://schemas.microsoft.com/office/2006/metadata/properties" ma:root="true" ma:fieldsID="ac928c5a8451930bc929258063ae09ba" ns2:_="" ns3:_="">
    <xsd:import namespace="811835bf-f9da-426f-9049-c4f44a9984ac"/>
    <xsd:import namespace="9a19914c-4a3c-4acb-9b48-de7d8d05d8a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11835bf-f9da-426f-9049-c4f44a9984a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2" nillable="true" ma:taxonomy="true" ma:internalName="lcf76f155ced4ddcb4097134ff3c332f" ma:taxonomyFieldName="MediaServiceImageTags" ma:displayName="Image Tags" ma:readOnly="false" ma:fieldId="{5cf76f15-5ced-4ddc-b409-7134ff3c332f}" ma:taxonomyMulti="true" ma:sspId="9e91bdb0-c8f2-42f2-967d-5e73220e0ae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8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a19914c-4a3c-4acb-9b48-de7d8d05d8a2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639d4bb0-3790-4f55-a750-d97b1f02ad20}" ma:internalName="TaxCatchAll" ma:showField="CatchAllData" ma:web="9a19914c-4a3c-4acb-9b48-de7d8d05d8a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],"formDataEntries":[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811835bf-f9da-426f-9049-c4f44a9984ac">
      <Terms xmlns="http://schemas.microsoft.com/office/infopath/2007/PartnerControls"/>
    </lcf76f155ced4ddcb4097134ff3c332f>
    <TaxCatchAll xmlns="9a19914c-4a3c-4acb-9b48-de7d8d05d8a2" xsi:nil="true"/>
  </documentManagement>
</p:properties>
</file>

<file path=customXml/itemProps1.xml><?xml version="1.0" encoding="utf-8"?>
<ds:datastoreItem xmlns:ds="http://schemas.openxmlformats.org/officeDocument/2006/customXml" ds:itemID="{FD02A0B0-6266-4191-A831-0286BACAFD48}">
  <ds:schemaRefs/>
</ds:datastoreItem>
</file>

<file path=customXml/itemProps2.xml><?xml version="1.0" encoding="utf-8"?>
<ds:datastoreItem xmlns:ds="http://schemas.openxmlformats.org/officeDocument/2006/customXml" ds:itemID="{5ABABF9C-A16F-4686-B04F-F560ED95FB5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BEAA1B9-6872-4C28-9AD2-D3841603292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11835bf-f9da-426f-9049-c4f44a9984ac"/>
    <ds:schemaRef ds:uri="9a19914c-4a3c-4acb-9b48-de7d8d05d8a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3EEA3C7A-A1D1-452C-8811-3B88BD7C2134}">
  <ds:schemaRefs/>
</ds:datastoreItem>
</file>

<file path=customXml/itemProps5.xml><?xml version="1.0" encoding="utf-8"?>
<ds:datastoreItem xmlns:ds="http://schemas.openxmlformats.org/officeDocument/2006/customXml" ds:itemID="{B708B38B-FDAD-46F9-9318-14D563B66E5B}">
  <ds:schemaRefs>
    <ds:schemaRef ds:uri="http://schemas.microsoft.com/office/2006/metadata/properties"/>
    <ds:schemaRef ds:uri="http://schemas.microsoft.com/office/infopath/2007/PartnerControls"/>
    <ds:schemaRef ds:uri="811835bf-f9da-426f-9049-c4f44a9984ac"/>
    <ds:schemaRef ds:uri="9a19914c-4a3c-4acb-9b48-de7d8d05d8a2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dquw0dz</Template>
  <TotalTime>106</TotalTime>
  <Pages>1</Pages>
  <Words>125</Words>
  <Characters>769</Characters>
  <Application>Microsoft Office Word</Application>
  <DocSecurity>8</DocSecurity>
  <Lines>6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athalie Tjørnelund</dc:creator>
  <cp:keywords/>
  <dc:description/>
  <cp:lastModifiedBy>Nathalie Tjørnelund</cp:lastModifiedBy>
  <cp:revision>9</cp:revision>
  <dcterms:created xsi:type="dcterms:W3CDTF">2025-11-10T10:03:00Z</dcterms:created>
  <dcterms:modified xsi:type="dcterms:W3CDTF">2025-11-10T12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if</vt:lpwstr>
  </property>
  <property fmtid="{D5CDD505-2E9C-101B-9397-08002B2CF9AE}" pid="3" name="TemplafyTemplateId">
    <vt:lpwstr>1214609639781171312</vt:lpwstr>
  </property>
  <property fmtid="{D5CDD505-2E9C-101B-9397-08002B2CF9AE}" pid="4" name="TemplafyUserProfileId">
    <vt:lpwstr>1145559630947024909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49A3EC61047EE841AFB22466B3976B5B</vt:lpwstr>
  </property>
</Properties>
</file>